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E2764D" w:rsidRDefault="00E2764D" w:rsidP="00E2764D">
      <w:pPr>
        <w:spacing w:line="276" w:lineRule="auto"/>
        <w:jc w:val="center"/>
        <w:rPr>
          <w:rFonts w:asciiTheme="minorHAnsi" w:hAnsiTheme="minorHAnsi"/>
          <w:b/>
          <w:sz w:val="32"/>
          <w:szCs w:val="32"/>
        </w:rPr>
      </w:pPr>
      <w:r w:rsidRPr="00CD3413">
        <w:rPr>
          <w:rFonts w:asciiTheme="minorHAnsi" w:hAnsiTheme="minorHAnsi"/>
          <w:b/>
          <w:sz w:val="32"/>
          <w:szCs w:val="32"/>
        </w:rPr>
        <w:t>ŽÁDOST O PŘIJETÍ DÍTĚTE K PŘEDŠKOLNÍMU VZDĚLÁVÁNÍ</w:t>
      </w:r>
    </w:p>
    <w:p w:rsidR="00E2764D" w:rsidRDefault="00E2764D" w:rsidP="00E2764D">
      <w:pPr>
        <w:spacing w:line="276" w:lineRule="auto"/>
        <w:rPr>
          <w:rFonts w:asciiTheme="minorHAnsi" w:hAnsiTheme="minorHAnsi"/>
          <w:b/>
          <w:sz w:val="28"/>
          <w:szCs w:val="28"/>
        </w:rPr>
      </w:pPr>
    </w:p>
    <w:tbl>
      <w:tblPr>
        <w:tblW w:w="0" w:type="auto"/>
        <w:tblInd w:w="-1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408"/>
        <w:gridCol w:w="4580"/>
      </w:tblGrid>
      <w:tr w:rsidR="00E2764D" w:rsidRPr="00E62CE5" w:rsidTr="00BD42B5">
        <w:trPr>
          <w:trHeight w:val="516"/>
        </w:trPr>
        <w:tc>
          <w:tcPr>
            <w:tcW w:w="8988" w:type="dxa"/>
            <w:gridSpan w:val="2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Jméno a příjmení dítěte:</w:t>
            </w:r>
          </w:p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</w:p>
        </w:tc>
      </w:tr>
      <w:tr w:rsidR="00E2764D" w:rsidRPr="00E62CE5" w:rsidTr="00BD42B5">
        <w:trPr>
          <w:trHeight w:val="576"/>
        </w:trPr>
        <w:tc>
          <w:tcPr>
            <w:tcW w:w="4408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Datum narození:</w:t>
            </w:r>
          </w:p>
        </w:tc>
        <w:tc>
          <w:tcPr>
            <w:tcW w:w="4580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Rodné číslo:</w:t>
            </w:r>
          </w:p>
        </w:tc>
      </w:tr>
      <w:tr w:rsidR="00E2764D" w:rsidRPr="00E62CE5" w:rsidTr="00BD42B5">
        <w:trPr>
          <w:trHeight w:val="612"/>
        </w:trPr>
        <w:tc>
          <w:tcPr>
            <w:tcW w:w="4408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Zdravotní pojišťovna:</w:t>
            </w:r>
          </w:p>
        </w:tc>
        <w:tc>
          <w:tcPr>
            <w:tcW w:w="4580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Místo narození:</w:t>
            </w:r>
          </w:p>
        </w:tc>
      </w:tr>
      <w:tr w:rsidR="00E2764D" w:rsidRPr="00E62CE5" w:rsidTr="00BD42B5">
        <w:trPr>
          <w:trHeight w:val="1320"/>
        </w:trPr>
        <w:tc>
          <w:tcPr>
            <w:tcW w:w="8988" w:type="dxa"/>
            <w:gridSpan w:val="2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Trvalé bydliště:</w:t>
            </w:r>
          </w:p>
        </w:tc>
      </w:tr>
      <w:tr w:rsidR="00E2764D" w:rsidRPr="00E62CE5" w:rsidTr="00BD42B5">
        <w:trPr>
          <w:trHeight w:val="600"/>
        </w:trPr>
        <w:tc>
          <w:tcPr>
            <w:tcW w:w="4408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Státní příslušnost:</w:t>
            </w:r>
          </w:p>
        </w:tc>
        <w:tc>
          <w:tcPr>
            <w:tcW w:w="4580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Mateřský jazyk:</w:t>
            </w:r>
            <w:bookmarkStart w:id="0" w:name="_GoBack"/>
            <w:bookmarkEnd w:id="0"/>
          </w:p>
        </w:tc>
      </w:tr>
    </w:tbl>
    <w:p w:rsidR="00E2764D" w:rsidRDefault="00E2764D" w:rsidP="00E2764D">
      <w:pPr>
        <w:spacing w:line="276" w:lineRule="auto"/>
        <w:rPr>
          <w:rFonts w:asciiTheme="minorHAnsi" w:hAnsiTheme="minorHAnsi"/>
          <w:b/>
          <w:sz w:val="28"/>
          <w:szCs w:val="28"/>
        </w:rPr>
      </w:pPr>
    </w:p>
    <w:p w:rsidR="00E2764D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  <w:r>
        <w:rPr>
          <w:rFonts w:asciiTheme="minorHAnsi" w:hAnsiTheme="minorHAnsi"/>
          <w:b/>
          <w:sz w:val="24"/>
          <w:szCs w:val="24"/>
        </w:rPr>
        <w:t>d</w:t>
      </w:r>
      <w:r w:rsidRPr="00C51D70">
        <w:rPr>
          <w:rFonts w:asciiTheme="minorHAnsi" w:hAnsiTheme="minorHAnsi"/>
          <w:b/>
          <w:sz w:val="24"/>
          <w:szCs w:val="24"/>
        </w:rPr>
        <w:t>o Základní a mateřské školy Dolní Slivno, příspěvková organizace od …………</w:t>
      </w:r>
      <w:proofErr w:type="gramStart"/>
      <w:r w:rsidRPr="00C51D70">
        <w:rPr>
          <w:rFonts w:asciiTheme="minorHAnsi" w:hAnsiTheme="minorHAnsi"/>
          <w:b/>
          <w:sz w:val="24"/>
          <w:szCs w:val="24"/>
        </w:rPr>
        <w:t>….</w:t>
      </w:r>
      <w:r>
        <w:rPr>
          <w:rFonts w:asciiTheme="minorHAnsi" w:hAnsiTheme="minorHAnsi"/>
          <w:b/>
          <w:sz w:val="24"/>
          <w:szCs w:val="24"/>
        </w:rPr>
        <w:t>.................</w:t>
      </w:r>
      <w:proofErr w:type="gramEnd"/>
    </w:p>
    <w:p w:rsidR="00E2764D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E2764D" w:rsidRPr="00E62CE5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  <w:r w:rsidRPr="00E62CE5">
        <w:rPr>
          <w:rFonts w:asciiTheme="minorHAnsi" w:hAnsiTheme="minorHAnsi"/>
          <w:b/>
          <w:sz w:val="24"/>
          <w:szCs w:val="24"/>
        </w:rPr>
        <w:t xml:space="preserve">Požadovaná </w:t>
      </w:r>
      <w:proofErr w:type="gramStart"/>
      <w:r w:rsidRPr="00E62CE5">
        <w:rPr>
          <w:rFonts w:asciiTheme="minorHAnsi" w:hAnsiTheme="minorHAnsi"/>
          <w:b/>
          <w:sz w:val="24"/>
          <w:szCs w:val="24"/>
        </w:rPr>
        <w:t>docházka ( *nehodící</w:t>
      </w:r>
      <w:proofErr w:type="gramEnd"/>
      <w:r w:rsidRPr="00E62CE5">
        <w:rPr>
          <w:rFonts w:asciiTheme="minorHAnsi" w:hAnsiTheme="minorHAnsi"/>
          <w:b/>
          <w:sz w:val="24"/>
          <w:szCs w:val="24"/>
        </w:rPr>
        <w:t xml:space="preserve"> se škrtne)</w:t>
      </w:r>
    </w:p>
    <w:tbl>
      <w:tblPr>
        <w:tblW w:w="0" w:type="auto"/>
        <w:tblInd w:w="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356"/>
        <w:gridCol w:w="4644"/>
      </w:tblGrid>
      <w:tr w:rsidR="00E2764D" w:rsidRPr="00E62CE5" w:rsidTr="00BD42B5">
        <w:trPr>
          <w:trHeight w:val="402"/>
        </w:trPr>
        <w:tc>
          <w:tcPr>
            <w:tcW w:w="4356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Celodenní</w:t>
            </w:r>
          </w:p>
        </w:tc>
        <w:tc>
          <w:tcPr>
            <w:tcW w:w="4644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 xml:space="preserve">         *  ano - ne</w:t>
            </w:r>
          </w:p>
        </w:tc>
      </w:tr>
      <w:tr w:rsidR="00E2764D" w:rsidRPr="00E62CE5" w:rsidTr="00BD42B5">
        <w:tblPrEx>
          <w:tblBorders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trHeight w:val="1014"/>
        </w:trPr>
        <w:tc>
          <w:tcPr>
            <w:tcW w:w="435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Jiná – uveďte jaká a důvod</w:t>
            </w:r>
          </w:p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</w:p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</w:p>
        </w:tc>
        <w:tc>
          <w:tcPr>
            <w:tcW w:w="46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 xml:space="preserve">         *  ano - ne  </w:t>
            </w:r>
          </w:p>
        </w:tc>
      </w:tr>
    </w:tbl>
    <w:p w:rsidR="00E2764D" w:rsidRPr="00E62CE5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E2764D" w:rsidRPr="00E62CE5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  <w:r w:rsidRPr="00E62CE5">
        <w:rPr>
          <w:rFonts w:asciiTheme="minorHAnsi" w:hAnsiTheme="minorHAnsi"/>
          <w:b/>
          <w:sz w:val="24"/>
          <w:szCs w:val="24"/>
        </w:rPr>
        <w:t>Dítě již navštěvovalo předškolní zařízení</w:t>
      </w:r>
    </w:p>
    <w:tbl>
      <w:tblPr>
        <w:tblStyle w:val="Mkatabulky"/>
        <w:tblW w:w="0" w:type="auto"/>
        <w:tblLook w:val="04A0" w:firstRow="1" w:lastRow="0" w:firstColumn="1" w:lastColumn="0" w:noHBand="0" w:noVBand="1"/>
      </w:tblPr>
      <w:tblGrid>
        <w:gridCol w:w="9061"/>
      </w:tblGrid>
      <w:tr w:rsidR="00E2764D" w:rsidRPr="00E62CE5" w:rsidTr="00BD42B5">
        <w:tc>
          <w:tcPr>
            <w:tcW w:w="9061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*Ne</w:t>
            </w:r>
          </w:p>
        </w:tc>
      </w:tr>
      <w:tr w:rsidR="00E2764D" w:rsidRPr="00E62CE5" w:rsidTr="00BD42B5">
        <w:tc>
          <w:tcPr>
            <w:tcW w:w="9061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 xml:space="preserve">*Ano </w:t>
            </w:r>
          </w:p>
        </w:tc>
      </w:tr>
    </w:tbl>
    <w:p w:rsidR="00E2764D" w:rsidRPr="00E62CE5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E2764D" w:rsidRPr="00E62CE5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  <w:r w:rsidRPr="00E62CE5">
        <w:rPr>
          <w:rFonts w:asciiTheme="minorHAnsi" w:hAnsiTheme="minorHAnsi"/>
          <w:b/>
          <w:sz w:val="24"/>
          <w:szCs w:val="24"/>
        </w:rPr>
        <w:t>Identifikační údaje žadatele (zákonný zástupce):</w:t>
      </w:r>
    </w:p>
    <w:tbl>
      <w:tblPr>
        <w:tblW w:w="0" w:type="auto"/>
        <w:tblInd w:w="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672"/>
        <w:gridCol w:w="5328"/>
      </w:tblGrid>
      <w:tr w:rsidR="00E2764D" w:rsidRPr="00E62CE5" w:rsidTr="00BD42B5">
        <w:trPr>
          <w:trHeight w:val="408"/>
        </w:trPr>
        <w:tc>
          <w:tcPr>
            <w:tcW w:w="9000" w:type="dxa"/>
            <w:gridSpan w:val="2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Jméno a příjmení:</w:t>
            </w:r>
          </w:p>
        </w:tc>
      </w:tr>
      <w:tr w:rsidR="00E2764D" w:rsidRPr="00E62CE5" w:rsidTr="00BD42B5">
        <w:trPr>
          <w:trHeight w:val="444"/>
        </w:trPr>
        <w:tc>
          <w:tcPr>
            <w:tcW w:w="3672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Telefon:</w:t>
            </w:r>
          </w:p>
        </w:tc>
        <w:tc>
          <w:tcPr>
            <w:tcW w:w="5328" w:type="dxa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e-mail:</w:t>
            </w:r>
          </w:p>
        </w:tc>
      </w:tr>
      <w:tr w:rsidR="00E2764D" w:rsidRPr="00E62CE5" w:rsidTr="00BD42B5">
        <w:trPr>
          <w:trHeight w:val="720"/>
        </w:trPr>
        <w:tc>
          <w:tcPr>
            <w:tcW w:w="9000" w:type="dxa"/>
            <w:gridSpan w:val="2"/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Trvalé bydliště:</w:t>
            </w:r>
          </w:p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</w:p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</w:p>
        </w:tc>
      </w:tr>
      <w:tr w:rsidR="00E2764D" w:rsidTr="00BD42B5">
        <w:tblPrEx>
          <w:tblBorders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trHeight w:val="12"/>
        </w:trPr>
        <w:tc>
          <w:tcPr>
            <w:tcW w:w="900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Doručovací adresa (pokud se liší od trvalého bydliště):</w:t>
            </w:r>
          </w:p>
          <w:p w:rsidR="00E2764D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8"/>
                <w:szCs w:val="28"/>
              </w:rPr>
            </w:pPr>
          </w:p>
          <w:p w:rsidR="00E2764D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8"/>
                <w:szCs w:val="28"/>
              </w:rPr>
            </w:pPr>
          </w:p>
        </w:tc>
      </w:tr>
    </w:tbl>
    <w:p w:rsidR="00E2764D" w:rsidRDefault="00E2764D" w:rsidP="00E2764D">
      <w:pPr>
        <w:spacing w:line="276" w:lineRule="auto"/>
        <w:rPr>
          <w:rFonts w:asciiTheme="minorHAnsi" w:hAnsiTheme="minorHAnsi"/>
          <w:b/>
          <w:sz w:val="28"/>
          <w:szCs w:val="28"/>
        </w:rPr>
      </w:pPr>
    </w:p>
    <w:p w:rsidR="00E2764D" w:rsidRDefault="00E2764D" w:rsidP="00E2764D">
      <w:pPr>
        <w:spacing w:line="276" w:lineRule="auto"/>
        <w:rPr>
          <w:rFonts w:asciiTheme="minorHAnsi" w:hAnsiTheme="minorHAnsi"/>
          <w:b/>
          <w:sz w:val="28"/>
          <w:szCs w:val="28"/>
        </w:rPr>
      </w:pPr>
      <w:r>
        <w:rPr>
          <w:rFonts w:asciiTheme="minorHAnsi" w:hAnsiTheme="minorHAnsi"/>
          <w:b/>
          <w:sz w:val="28"/>
          <w:szCs w:val="28"/>
        </w:rPr>
        <w:t>Označení správního orgánu:</w:t>
      </w:r>
    </w:p>
    <w:tbl>
      <w:tblPr>
        <w:tblW w:w="9228" w:type="dxa"/>
        <w:tblInd w:w="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264"/>
        <w:gridCol w:w="1032"/>
        <w:gridCol w:w="4932"/>
      </w:tblGrid>
      <w:tr w:rsidR="00E2764D" w:rsidRPr="00E62CE5" w:rsidTr="00BD42B5">
        <w:trPr>
          <w:trHeight w:val="636"/>
        </w:trPr>
        <w:tc>
          <w:tcPr>
            <w:tcW w:w="4296" w:type="dxa"/>
            <w:gridSpan w:val="2"/>
          </w:tcPr>
          <w:p w:rsidR="00E2764D" w:rsidRPr="00E62CE5" w:rsidRDefault="00E2764D" w:rsidP="00BD42B5">
            <w:pPr>
              <w:spacing w:line="276" w:lineRule="auto"/>
              <w:ind w:left="-47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 xml:space="preserve">Ředitel - jméno a příjmení </w:t>
            </w:r>
          </w:p>
        </w:tc>
        <w:tc>
          <w:tcPr>
            <w:tcW w:w="4932" w:type="dxa"/>
          </w:tcPr>
          <w:p w:rsidR="00E2764D" w:rsidRPr="00187A5A" w:rsidRDefault="00E2764D" w:rsidP="00BD42B5">
            <w:pPr>
              <w:spacing w:line="276" w:lineRule="auto"/>
              <w:rPr>
                <w:rFonts w:asciiTheme="minorHAnsi" w:hAnsiTheme="minorHAnsi"/>
                <w:sz w:val="24"/>
                <w:szCs w:val="24"/>
              </w:rPr>
            </w:pPr>
            <w:r w:rsidRPr="00187A5A">
              <w:rPr>
                <w:rFonts w:asciiTheme="minorHAnsi" w:hAnsiTheme="minorHAnsi"/>
                <w:sz w:val="24"/>
                <w:szCs w:val="24"/>
              </w:rPr>
              <w:t>Mgr. Vladimír Lacina</w:t>
            </w:r>
          </w:p>
        </w:tc>
      </w:tr>
      <w:tr w:rsidR="00E2764D" w:rsidRPr="00E62CE5" w:rsidTr="00BD42B5">
        <w:tblPrEx>
          <w:tblBorders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trHeight w:val="100"/>
        </w:trPr>
        <w:tc>
          <w:tcPr>
            <w:tcW w:w="3264" w:type="dxa"/>
            <w:tcBorders>
              <w:left w:val="single" w:sz="4" w:space="0" w:color="auto"/>
              <w:bottom w:val="single" w:sz="4" w:space="0" w:color="auto"/>
            </w:tcBorders>
          </w:tcPr>
          <w:p w:rsidR="00E2764D" w:rsidRPr="00E62CE5" w:rsidRDefault="00E2764D" w:rsidP="00BD42B5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E62CE5">
              <w:rPr>
                <w:rFonts w:asciiTheme="minorHAnsi" w:hAnsiTheme="minorHAnsi"/>
                <w:b/>
                <w:sz w:val="24"/>
                <w:szCs w:val="24"/>
              </w:rPr>
              <w:t>Adresa právnické osoby, která vykonává činnost mateřské školy</w:t>
            </w:r>
          </w:p>
        </w:tc>
        <w:tc>
          <w:tcPr>
            <w:tcW w:w="1032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E2764D" w:rsidRPr="00E62CE5" w:rsidRDefault="00E2764D" w:rsidP="00BD42B5">
            <w:pPr>
              <w:widowControl/>
              <w:suppressAutoHyphens w:val="0"/>
              <w:rPr>
                <w:rFonts w:asciiTheme="minorHAnsi" w:hAnsiTheme="minorHAnsi"/>
                <w:b/>
                <w:sz w:val="24"/>
                <w:szCs w:val="24"/>
              </w:rPr>
            </w:pPr>
          </w:p>
        </w:tc>
        <w:tc>
          <w:tcPr>
            <w:tcW w:w="4932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E2764D" w:rsidRPr="00187A5A" w:rsidRDefault="00E2764D" w:rsidP="00BD42B5">
            <w:pPr>
              <w:widowControl/>
              <w:suppressAutoHyphens w:val="0"/>
              <w:rPr>
                <w:rFonts w:asciiTheme="minorHAnsi" w:hAnsiTheme="minorHAnsi"/>
                <w:sz w:val="24"/>
                <w:szCs w:val="24"/>
              </w:rPr>
            </w:pPr>
            <w:r w:rsidRPr="00187A5A">
              <w:rPr>
                <w:rFonts w:asciiTheme="minorHAnsi" w:hAnsiTheme="minorHAnsi"/>
                <w:sz w:val="24"/>
                <w:szCs w:val="24"/>
              </w:rPr>
              <w:t>Základní škola a mateřská škola Dolní Slivno,</w:t>
            </w:r>
          </w:p>
          <w:p w:rsidR="00E2764D" w:rsidRPr="00187A5A" w:rsidRDefault="00E2764D" w:rsidP="00BD42B5">
            <w:pPr>
              <w:widowControl/>
              <w:suppressAutoHyphens w:val="0"/>
              <w:rPr>
                <w:rFonts w:asciiTheme="minorHAnsi" w:hAnsiTheme="minorHAnsi"/>
                <w:sz w:val="24"/>
                <w:szCs w:val="24"/>
              </w:rPr>
            </w:pPr>
            <w:r w:rsidRPr="00187A5A">
              <w:rPr>
                <w:rFonts w:asciiTheme="minorHAnsi" w:hAnsiTheme="minorHAnsi"/>
                <w:sz w:val="24"/>
                <w:szCs w:val="24"/>
              </w:rPr>
              <w:t>příspěvková organizace</w:t>
            </w:r>
          </w:p>
          <w:p w:rsidR="00E2764D" w:rsidRPr="00187A5A" w:rsidRDefault="00E2764D" w:rsidP="00BD42B5">
            <w:pPr>
              <w:widowControl/>
              <w:suppressAutoHyphens w:val="0"/>
              <w:rPr>
                <w:rFonts w:asciiTheme="minorHAnsi" w:hAnsiTheme="minorHAnsi"/>
                <w:sz w:val="24"/>
                <w:szCs w:val="24"/>
              </w:rPr>
            </w:pPr>
            <w:r w:rsidRPr="00187A5A">
              <w:rPr>
                <w:rFonts w:asciiTheme="minorHAnsi" w:hAnsiTheme="minorHAnsi"/>
                <w:sz w:val="24"/>
                <w:szCs w:val="24"/>
              </w:rPr>
              <w:t>Dolní Slivno 40</w:t>
            </w:r>
          </w:p>
          <w:p w:rsidR="00E2764D" w:rsidRPr="00187A5A" w:rsidRDefault="00E2764D" w:rsidP="00BD42B5">
            <w:pPr>
              <w:widowControl/>
              <w:suppressAutoHyphens w:val="0"/>
              <w:rPr>
                <w:rFonts w:asciiTheme="minorHAnsi" w:hAnsiTheme="minorHAnsi"/>
                <w:sz w:val="24"/>
                <w:szCs w:val="24"/>
              </w:rPr>
            </w:pPr>
            <w:r w:rsidRPr="00187A5A">
              <w:rPr>
                <w:rFonts w:asciiTheme="minorHAnsi" w:hAnsiTheme="minorHAnsi"/>
                <w:sz w:val="24"/>
                <w:szCs w:val="24"/>
              </w:rPr>
              <w:t>294 78, Dolní Slivno</w:t>
            </w:r>
          </w:p>
        </w:tc>
      </w:tr>
    </w:tbl>
    <w:p w:rsidR="00E2764D" w:rsidRDefault="00E2764D" w:rsidP="00E2764D">
      <w:pPr>
        <w:spacing w:line="276" w:lineRule="auto"/>
        <w:rPr>
          <w:rFonts w:asciiTheme="minorHAnsi" w:hAnsiTheme="minorHAnsi"/>
          <w:b/>
          <w:sz w:val="28"/>
          <w:szCs w:val="28"/>
        </w:rPr>
      </w:pPr>
    </w:p>
    <w:p w:rsidR="00E2764D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  <w:r w:rsidRPr="00187A5A">
        <w:rPr>
          <w:rFonts w:asciiTheme="minorHAnsi" w:hAnsiTheme="minorHAnsi"/>
          <w:b/>
          <w:sz w:val="24"/>
          <w:szCs w:val="24"/>
        </w:rPr>
        <w:t>Čestné prohlášení rodičů:</w:t>
      </w:r>
    </w:p>
    <w:p w:rsidR="00E2764D" w:rsidRDefault="00E2764D" w:rsidP="00E2764D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Prohlašuji, že jsem zákonným zástupcem dítěte</w:t>
      </w:r>
    </w:p>
    <w:p w:rsidR="00E2764D" w:rsidRDefault="00E2764D" w:rsidP="00E2764D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Prohlašuji, že jsem byl/a seznámen/a s kritérii pro přijímání dětí do MŠ</w:t>
      </w:r>
    </w:p>
    <w:p w:rsidR="00E2764D" w:rsidRDefault="00E2764D" w:rsidP="00E2764D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Prohlašuji, že jsem byl/a seznámen/a s termínem, kdy se mohu vyjádřit k podkladům</w:t>
      </w:r>
    </w:p>
    <w:p w:rsidR="00E2764D" w:rsidRDefault="00E2764D" w:rsidP="00E2764D">
      <w:pPr>
        <w:pStyle w:val="Odstavecseseznamem"/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rozhodnutí před jeho vydáním</w:t>
      </w:r>
    </w:p>
    <w:p w:rsidR="00E2764D" w:rsidRDefault="00E2764D" w:rsidP="00E2764D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Prohlašuji, že mé dítě je řádně přeočkováno dle očkovacího kalendáře</w:t>
      </w:r>
    </w:p>
    <w:p w:rsidR="00E2764D" w:rsidRDefault="00E2764D" w:rsidP="00E2764D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Jsem si vědom/a, že uvedení nepravdivých údajů v této žádosti může mít za následek zrušení rozhodnutí o přijetí dítěte</w:t>
      </w:r>
    </w:p>
    <w:p w:rsidR="00E2764D" w:rsidRDefault="00E2764D" w:rsidP="00E2764D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E2764D" w:rsidRDefault="00E2764D" w:rsidP="00E2764D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E2764D" w:rsidRDefault="004B08DC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  <w:r>
        <w:rPr>
          <w:rFonts w:asciiTheme="minorHAnsi" w:hAnsiTheme="minorHAnsi"/>
          <w:b/>
          <w:sz w:val="24"/>
          <w:szCs w:val="24"/>
        </w:rPr>
        <w:t xml:space="preserve">V ………………………………………………………………………… </w:t>
      </w:r>
      <w:r w:rsidR="00E2764D">
        <w:rPr>
          <w:rFonts w:asciiTheme="minorHAnsi" w:hAnsiTheme="minorHAnsi"/>
          <w:b/>
          <w:sz w:val="24"/>
          <w:szCs w:val="24"/>
        </w:rPr>
        <w:t>dne………………………………………………………</w:t>
      </w:r>
    </w:p>
    <w:p w:rsidR="00E2764D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E2764D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E2764D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E2764D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E2764D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  <w:t>…………………………………………………………………………</w:t>
      </w:r>
    </w:p>
    <w:p w:rsidR="00E2764D" w:rsidRPr="00187A5A" w:rsidRDefault="00E2764D" w:rsidP="00E2764D">
      <w:pPr>
        <w:spacing w:line="276" w:lineRule="auto"/>
        <w:rPr>
          <w:rFonts w:asciiTheme="minorHAnsi" w:hAnsiTheme="minorHAnsi"/>
          <w:b/>
          <w:sz w:val="24"/>
          <w:szCs w:val="24"/>
        </w:rPr>
      </w:pP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  <w:t>Podpis zákonného zástupce dítěte</w:t>
      </w:r>
    </w:p>
    <w:p w:rsidR="00E2764D" w:rsidRDefault="00E2764D" w:rsidP="00E2764D">
      <w:pPr>
        <w:spacing w:line="276" w:lineRule="auto"/>
        <w:rPr>
          <w:rFonts w:asciiTheme="minorHAnsi" w:hAnsiTheme="minorHAnsi"/>
          <w:b/>
          <w:sz w:val="28"/>
          <w:szCs w:val="28"/>
        </w:rPr>
      </w:pPr>
    </w:p>
    <w:p w:rsidR="00F816E1" w:rsidRPr="00033876" w:rsidRDefault="00F816E1" w:rsidP="004B1D54">
      <w:pPr>
        <w:spacing w:line="276" w:lineRule="auto"/>
        <w:jc w:val="right"/>
        <w:rPr>
          <w:rFonts w:asciiTheme="minorHAnsi" w:hAnsiTheme="minorHAnsi"/>
          <w:sz w:val="24"/>
          <w:szCs w:val="24"/>
        </w:rPr>
      </w:pPr>
    </w:p>
    <w:sectPr w:rsidR="00F816E1" w:rsidRPr="00033876" w:rsidSect="00AE32E2">
      <w:headerReference w:type="default" r:id="rId11"/>
      <w:footnotePr>
        <w:pos w:val="beneathText"/>
      </w:footnotePr>
      <w:pgSz w:w="11905" w:h="16837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F31CE5" w:rsidRDefault="00F31CE5" w:rsidP="00E97070">
      <w:r>
        <w:separator/>
      </w:r>
    </w:p>
  </w:endnote>
  <w:endnote w:type="continuationSeparator" w:id="0">
    <w:p w:rsidR="00F31CE5" w:rsidRDefault="00F31CE5" w:rsidP="00E97070">
      <w:r>
        <w:continuationSeparator/>
      </w:r>
    </w:p>
  </w:endnote>
  <w:endnote w:type="continuationNotice" w:id="1">
    <w:p w:rsidR="00F31CE5" w:rsidRDefault="00F31CE5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20002A87" w:usb1="80000000" w:usb2="00000008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A0002AEF" w:usb1="4000207B" w:usb2="00000000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20002A87" w:usb1="80000000" w:usb2="00000008" w:usb3="00000000" w:csb0="000001FF" w:csb1="00000000"/>
  </w:font>
  <w:font w:name="Lucida Sans Unicode">
    <w:panose1 w:val="020B0602030504020204"/>
    <w:charset w:val="EE"/>
    <w:family w:val="swiss"/>
    <w:pitch w:val="variable"/>
    <w:sig w:usb0="80000AFF" w:usb1="0000396B" w:usb2="00000000" w:usb3="00000000" w:csb0="000000B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angal">
    <w:panose1 w:val="00000400000000000000"/>
    <w:charset w:val="00"/>
    <w:family w:val="roman"/>
    <w:pitch w:val="variable"/>
    <w:sig w:usb0="00008003" w:usb1="00000000" w:usb2="00000000" w:usb3="00000000" w:csb0="00000001" w:csb1="00000000"/>
  </w:font>
  <w:font w:name="Cambria">
    <w:panose1 w:val="02040503050406030204"/>
    <w:charset w:val="EE"/>
    <w:family w:val="roman"/>
    <w:pitch w:val="variable"/>
    <w:sig w:usb0="A00002EF" w:usb1="4000004B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F31CE5" w:rsidRDefault="00F31CE5" w:rsidP="00E97070">
      <w:r>
        <w:separator/>
      </w:r>
    </w:p>
  </w:footnote>
  <w:footnote w:type="continuationSeparator" w:id="0">
    <w:p w:rsidR="00F31CE5" w:rsidRDefault="00F31CE5" w:rsidP="00E97070">
      <w:r>
        <w:continuationSeparator/>
      </w:r>
    </w:p>
  </w:footnote>
  <w:footnote w:type="continuationNotice" w:id="1">
    <w:p w:rsidR="00F31CE5" w:rsidRDefault="00F31CE5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49AD" w:rsidRDefault="008E49AD" w:rsidP="00E97070">
    <w:pPr>
      <w:pStyle w:val="Nzev"/>
    </w:pPr>
    <w:r>
      <w:rPr>
        <w:noProof/>
        <w:lang w:eastAsia="cs-CZ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-404495</wp:posOffset>
          </wp:positionH>
          <wp:positionV relativeFrom="paragraph">
            <wp:posOffset>-59055</wp:posOffset>
          </wp:positionV>
          <wp:extent cx="1009650" cy="1019175"/>
          <wp:effectExtent l="19050" t="0" r="0" b="0"/>
          <wp:wrapSquare wrapText="bothSides"/>
          <wp:docPr id="1" name="obrázek 1" descr="\\s01\DataUcitel\lacivl\Obrázky\logo-zs-ms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01\DataUcitel\lacivl\Obrázky\logo-zs-ms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09650" cy="101917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D1536B">
      <w:t xml:space="preserve">Základní škola </w:t>
    </w:r>
    <w:r>
      <w:t xml:space="preserve">a mateřská škola </w:t>
    </w:r>
    <w:r w:rsidRPr="00D1536B">
      <w:t>Dolní Slivno</w:t>
    </w:r>
    <w:r>
      <w:t xml:space="preserve">, </w:t>
    </w:r>
  </w:p>
  <w:p w:rsidR="008E49AD" w:rsidRPr="00D1536B" w:rsidRDefault="008E49AD" w:rsidP="00E97070">
    <w:pPr>
      <w:pStyle w:val="Nzev"/>
    </w:pPr>
    <w:r>
      <w:t>příspěvková organizace</w:t>
    </w:r>
  </w:p>
  <w:p w:rsidR="008E49AD" w:rsidRPr="00D1536B" w:rsidRDefault="008E49AD" w:rsidP="00E97070">
    <w:pPr>
      <w:jc w:val="center"/>
    </w:pPr>
    <w:r w:rsidRPr="00D1536B">
      <w:t>Dolní Slivno 40, 294 78</w:t>
    </w:r>
  </w:p>
  <w:p w:rsidR="008E49AD" w:rsidRDefault="008E49AD" w:rsidP="00E97070">
    <w:pPr>
      <w:jc w:val="center"/>
    </w:pPr>
    <w:r>
      <w:t>IČO  71007245</w:t>
    </w:r>
  </w:p>
  <w:p w:rsidR="008E49AD" w:rsidRDefault="008E49AD" w:rsidP="00E97070">
    <w:pPr>
      <w:pStyle w:val="Nadpis1"/>
      <w:pBdr>
        <w:bottom w:val="single" w:sz="8" w:space="1" w:color="000000"/>
      </w:pBdr>
    </w:pPr>
    <w:r>
      <w:t xml:space="preserve">tel. 326 393 316, </w:t>
    </w:r>
    <w:hyperlink r:id="rId2" w:history="1">
      <w:r w:rsidRPr="007E3B94">
        <w:rPr>
          <w:rStyle w:val="Hypertextovodkaz"/>
          <w:color w:val="auto"/>
          <w:u w:val="none"/>
        </w:rPr>
        <w:t>info@zsdolnislivno.cz</w:t>
      </w:r>
    </w:hyperlink>
    <w:r w:rsidRPr="00663C09">
      <w:t>,</w:t>
    </w:r>
    <w:r>
      <w:t xml:space="preserve"> www.zsdolnislivno.cz</w:t>
    </w:r>
  </w:p>
  <w:p w:rsidR="008E49AD" w:rsidRDefault="008E49AD" w:rsidP="00E97070">
    <w:pPr>
      <w:pStyle w:val="Zhlav"/>
      <w:jc w:val="both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0C92563"/>
    <w:multiLevelType w:val="hybridMultilevel"/>
    <w:tmpl w:val="70BEBD24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8236F10"/>
    <w:multiLevelType w:val="hybridMultilevel"/>
    <w:tmpl w:val="8E82BACE"/>
    <w:lvl w:ilvl="0" w:tplc="0C5C73A8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52BE0BDC"/>
    <w:multiLevelType w:val="hybridMultilevel"/>
    <w:tmpl w:val="A2B2F73E"/>
    <w:lvl w:ilvl="0" w:tplc="4CC69B92">
      <w:start w:val="294"/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noPunctuationKerning/>
  <w:characterSpacingControl w:val="doNotCompress"/>
  <w:hdrShapeDefaults>
    <o:shapedefaults v:ext="edit" spidmax="2049"/>
  </w:hdrShapeDefaults>
  <w:footnotePr>
    <w:pos w:val="beneathText"/>
    <w:footnote w:id="-1"/>
    <w:footnote w:id="0"/>
    <w:footnote w:id="1"/>
  </w:footnotePr>
  <w:endnotePr>
    <w:endnote w:id="-1"/>
    <w:endnote w:id="0"/>
    <w:endnote w:id="1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0187"/>
    <w:rsid w:val="00007829"/>
    <w:rsid w:val="000118EC"/>
    <w:rsid w:val="00021C8B"/>
    <w:rsid w:val="00033876"/>
    <w:rsid w:val="00034F98"/>
    <w:rsid w:val="00064557"/>
    <w:rsid w:val="000672BF"/>
    <w:rsid w:val="00073435"/>
    <w:rsid w:val="000845EB"/>
    <w:rsid w:val="00096172"/>
    <w:rsid w:val="000B53B1"/>
    <w:rsid w:val="000C2A18"/>
    <w:rsid w:val="000D5AC3"/>
    <w:rsid w:val="000E3BFD"/>
    <w:rsid w:val="000F4774"/>
    <w:rsid w:val="00101AB5"/>
    <w:rsid w:val="0011612A"/>
    <w:rsid w:val="00120B6A"/>
    <w:rsid w:val="00122666"/>
    <w:rsid w:val="00134D05"/>
    <w:rsid w:val="00137C5F"/>
    <w:rsid w:val="00143825"/>
    <w:rsid w:val="00150D3E"/>
    <w:rsid w:val="00161BC7"/>
    <w:rsid w:val="00161CA7"/>
    <w:rsid w:val="00167425"/>
    <w:rsid w:val="00170C0A"/>
    <w:rsid w:val="00171A77"/>
    <w:rsid w:val="0017516D"/>
    <w:rsid w:val="00190373"/>
    <w:rsid w:val="00193082"/>
    <w:rsid w:val="00195CED"/>
    <w:rsid w:val="001A1510"/>
    <w:rsid w:val="001B2079"/>
    <w:rsid w:val="001C3CA8"/>
    <w:rsid w:val="001E0604"/>
    <w:rsid w:val="001E142B"/>
    <w:rsid w:val="001E715F"/>
    <w:rsid w:val="001E71AE"/>
    <w:rsid w:val="001E727F"/>
    <w:rsid w:val="00212EA7"/>
    <w:rsid w:val="00220187"/>
    <w:rsid w:val="0022278B"/>
    <w:rsid w:val="00225EFD"/>
    <w:rsid w:val="00231766"/>
    <w:rsid w:val="00232E33"/>
    <w:rsid w:val="0023633F"/>
    <w:rsid w:val="00247F8B"/>
    <w:rsid w:val="00254193"/>
    <w:rsid w:val="00260A00"/>
    <w:rsid w:val="0026254C"/>
    <w:rsid w:val="00274AD4"/>
    <w:rsid w:val="00282C31"/>
    <w:rsid w:val="00293A52"/>
    <w:rsid w:val="002B6D58"/>
    <w:rsid w:val="002D507C"/>
    <w:rsid w:val="002D77CA"/>
    <w:rsid w:val="002E0A06"/>
    <w:rsid w:val="002F00B5"/>
    <w:rsid w:val="0030693C"/>
    <w:rsid w:val="00310F47"/>
    <w:rsid w:val="00324A91"/>
    <w:rsid w:val="00350A29"/>
    <w:rsid w:val="00366A25"/>
    <w:rsid w:val="00366D8F"/>
    <w:rsid w:val="00384820"/>
    <w:rsid w:val="00391A23"/>
    <w:rsid w:val="003A7CAE"/>
    <w:rsid w:val="003C2570"/>
    <w:rsid w:val="003D3A7E"/>
    <w:rsid w:val="003D6813"/>
    <w:rsid w:val="003D6DEF"/>
    <w:rsid w:val="003E12FE"/>
    <w:rsid w:val="0040038E"/>
    <w:rsid w:val="00403196"/>
    <w:rsid w:val="00403370"/>
    <w:rsid w:val="0040451C"/>
    <w:rsid w:val="00410E9A"/>
    <w:rsid w:val="004139C3"/>
    <w:rsid w:val="004152DD"/>
    <w:rsid w:val="00416C80"/>
    <w:rsid w:val="00423E21"/>
    <w:rsid w:val="004314BB"/>
    <w:rsid w:val="00446686"/>
    <w:rsid w:val="0045154D"/>
    <w:rsid w:val="00451669"/>
    <w:rsid w:val="004564F8"/>
    <w:rsid w:val="00492C52"/>
    <w:rsid w:val="00495439"/>
    <w:rsid w:val="004A4330"/>
    <w:rsid w:val="004B08DC"/>
    <w:rsid w:val="004B1BA3"/>
    <w:rsid w:val="004B1D54"/>
    <w:rsid w:val="004D0F98"/>
    <w:rsid w:val="004D1A3F"/>
    <w:rsid w:val="004D2C8C"/>
    <w:rsid w:val="00523B6C"/>
    <w:rsid w:val="00524185"/>
    <w:rsid w:val="00530E51"/>
    <w:rsid w:val="0053267B"/>
    <w:rsid w:val="00540AE6"/>
    <w:rsid w:val="00553FD5"/>
    <w:rsid w:val="00565DA5"/>
    <w:rsid w:val="00583A48"/>
    <w:rsid w:val="00585706"/>
    <w:rsid w:val="00585DE1"/>
    <w:rsid w:val="00587F63"/>
    <w:rsid w:val="00595A74"/>
    <w:rsid w:val="005B1C49"/>
    <w:rsid w:val="005C1478"/>
    <w:rsid w:val="005C4787"/>
    <w:rsid w:val="005C4BAB"/>
    <w:rsid w:val="005C58C1"/>
    <w:rsid w:val="005E02EE"/>
    <w:rsid w:val="005E093E"/>
    <w:rsid w:val="005E0B2F"/>
    <w:rsid w:val="005E6DF0"/>
    <w:rsid w:val="00611239"/>
    <w:rsid w:val="00612E28"/>
    <w:rsid w:val="00615B4C"/>
    <w:rsid w:val="00622645"/>
    <w:rsid w:val="006368B3"/>
    <w:rsid w:val="00643824"/>
    <w:rsid w:val="00660850"/>
    <w:rsid w:val="00661DC5"/>
    <w:rsid w:val="00663C09"/>
    <w:rsid w:val="00674DF9"/>
    <w:rsid w:val="00681A49"/>
    <w:rsid w:val="00693B19"/>
    <w:rsid w:val="006972CD"/>
    <w:rsid w:val="006C095A"/>
    <w:rsid w:val="006C20BA"/>
    <w:rsid w:val="006C28CD"/>
    <w:rsid w:val="006C2DE0"/>
    <w:rsid w:val="006C5849"/>
    <w:rsid w:val="006C62D0"/>
    <w:rsid w:val="006D3A95"/>
    <w:rsid w:val="007160DC"/>
    <w:rsid w:val="00717ACB"/>
    <w:rsid w:val="0072299B"/>
    <w:rsid w:val="0073349D"/>
    <w:rsid w:val="00744013"/>
    <w:rsid w:val="00761706"/>
    <w:rsid w:val="00763E5E"/>
    <w:rsid w:val="00771CB3"/>
    <w:rsid w:val="007726A4"/>
    <w:rsid w:val="0077581C"/>
    <w:rsid w:val="00775B68"/>
    <w:rsid w:val="00785DE4"/>
    <w:rsid w:val="00793C71"/>
    <w:rsid w:val="007A2CF8"/>
    <w:rsid w:val="007A393C"/>
    <w:rsid w:val="007B5F3E"/>
    <w:rsid w:val="007C668E"/>
    <w:rsid w:val="007D2D93"/>
    <w:rsid w:val="007D5501"/>
    <w:rsid w:val="007E3B94"/>
    <w:rsid w:val="007E65A9"/>
    <w:rsid w:val="007F2994"/>
    <w:rsid w:val="00806A74"/>
    <w:rsid w:val="008149C4"/>
    <w:rsid w:val="00834C6D"/>
    <w:rsid w:val="00840916"/>
    <w:rsid w:val="00845F87"/>
    <w:rsid w:val="00855908"/>
    <w:rsid w:val="008609CD"/>
    <w:rsid w:val="00863BF9"/>
    <w:rsid w:val="00871B81"/>
    <w:rsid w:val="00871F50"/>
    <w:rsid w:val="008776FB"/>
    <w:rsid w:val="00877DDF"/>
    <w:rsid w:val="00887BFF"/>
    <w:rsid w:val="0089049E"/>
    <w:rsid w:val="008916A8"/>
    <w:rsid w:val="008A0FE9"/>
    <w:rsid w:val="008B0476"/>
    <w:rsid w:val="008B0FFC"/>
    <w:rsid w:val="008E49AD"/>
    <w:rsid w:val="008E6B95"/>
    <w:rsid w:val="008F2E6D"/>
    <w:rsid w:val="009022AB"/>
    <w:rsid w:val="00907B8D"/>
    <w:rsid w:val="00913CFA"/>
    <w:rsid w:val="009264A1"/>
    <w:rsid w:val="00950B39"/>
    <w:rsid w:val="0096597B"/>
    <w:rsid w:val="00990C65"/>
    <w:rsid w:val="009924B8"/>
    <w:rsid w:val="009B355A"/>
    <w:rsid w:val="009C3B84"/>
    <w:rsid w:val="009C5A01"/>
    <w:rsid w:val="009D6B9A"/>
    <w:rsid w:val="009E45FE"/>
    <w:rsid w:val="009E5F46"/>
    <w:rsid w:val="009E6CAA"/>
    <w:rsid w:val="009F0A4E"/>
    <w:rsid w:val="00A20AF4"/>
    <w:rsid w:val="00A214D4"/>
    <w:rsid w:val="00A230E7"/>
    <w:rsid w:val="00A344B8"/>
    <w:rsid w:val="00A42DDE"/>
    <w:rsid w:val="00A45B65"/>
    <w:rsid w:val="00A47442"/>
    <w:rsid w:val="00A505AC"/>
    <w:rsid w:val="00A67CD5"/>
    <w:rsid w:val="00A91755"/>
    <w:rsid w:val="00A93496"/>
    <w:rsid w:val="00AA7261"/>
    <w:rsid w:val="00AB4E8C"/>
    <w:rsid w:val="00AD00FE"/>
    <w:rsid w:val="00AD1B09"/>
    <w:rsid w:val="00AD3262"/>
    <w:rsid w:val="00AE2EBF"/>
    <w:rsid w:val="00AE32E2"/>
    <w:rsid w:val="00AE5582"/>
    <w:rsid w:val="00AE67BF"/>
    <w:rsid w:val="00AF558D"/>
    <w:rsid w:val="00AF5854"/>
    <w:rsid w:val="00B0427E"/>
    <w:rsid w:val="00B13868"/>
    <w:rsid w:val="00B15D6F"/>
    <w:rsid w:val="00B33C9F"/>
    <w:rsid w:val="00B5449C"/>
    <w:rsid w:val="00B63E8A"/>
    <w:rsid w:val="00B70313"/>
    <w:rsid w:val="00B75557"/>
    <w:rsid w:val="00B8337A"/>
    <w:rsid w:val="00BA02EB"/>
    <w:rsid w:val="00BA2806"/>
    <w:rsid w:val="00BA6EDF"/>
    <w:rsid w:val="00BB1FA3"/>
    <w:rsid w:val="00BB6E91"/>
    <w:rsid w:val="00BC17A7"/>
    <w:rsid w:val="00BE3D9E"/>
    <w:rsid w:val="00BF066E"/>
    <w:rsid w:val="00BF22FC"/>
    <w:rsid w:val="00C26387"/>
    <w:rsid w:val="00C45559"/>
    <w:rsid w:val="00C60662"/>
    <w:rsid w:val="00C62B87"/>
    <w:rsid w:val="00C74366"/>
    <w:rsid w:val="00C7500C"/>
    <w:rsid w:val="00C84773"/>
    <w:rsid w:val="00C91D80"/>
    <w:rsid w:val="00C92039"/>
    <w:rsid w:val="00C965A7"/>
    <w:rsid w:val="00CB083E"/>
    <w:rsid w:val="00CB51C3"/>
    <w:rsid w:val="00CB766F"/>
    <w:rsid w:val="00CC1CC9"/>
    <w:rsid w:val="00CC2E5F"/>
    <w:rsid w:val="00CD218C"/>
    <w:rsid w:val="00CD5DF5"/>
    <w:rsid w:val="00CE439C"/>
    <w:rsid w:val="00CE514F"/>
    <w:rsid w:val="00D152E7"/>
    <w:rsid w:val="00D1536B"/>
    <w:rsid w:val="00D17FE6"/>
    <w:rsid w:val="00D3319C"/>
    <w:rsid w:val="00D33B8E"/>
    <w:rsid w:val="00D40785"/>
    <w:rsid w:val="00D45D81"/>
    <w:rsid w:val="00D66488"/>
    <w:rsid w:val="00D84716"/>
    <w:rsid w:val="00D856BE"/>
    <w:rsid w:val="00DA70AB"/>
    <w:rsid w:val="00DA765F"/>
    <w:rsid w:val="00DB0B0F"/>
    <w:rsid w:val="00DC755B"/>
    <w:rsid w:val="00DD7B99"/>
    <w:rsid w:val="00E26684"/>
    <w:rsid w:val="00E2764D"/>
    <w:rsid w:val="00E40EF5"/>
    <w:rsid w:val="00E45FC2"/>
    <w:rsid w:val="00E6124A"/>
    <w:rsid w:val="00E641DD"/>
    <w:rsid w:val="00E97070"/>
    <w:rsid w:val="00EA45A3"/>
    <w:rsid w:val="00EB4CF6"/>
    <w:rsid w:val="00EB6363"/>
    <w:rsid w:val="00EB7027"/>
    <w:rsid w:val="00ED54AF"/>
    <w:rsid w:val="00EE14FA"/>
    <w:rsid w:val="00EE1BEA"/>
    <w:rsid w:val="00EE5BB1"/>
    <w:rsid w:val="00EE6445"/>
    <w:rsid w:val="00F00AAF"/>
    <w:rsid w:val="00F035F6"/>
    <w:rsid w:val="00F043F6"/>
    <w:rsid w:val="00F06FC7"/>
    <w:rsid w:val="00F204B2"/>
    <w:rsid w:val="00F22E7D"/>
    <w:rsid w:val="00F31CE5"/>
    <w:rsid w:val="00F36F05"/>
    <w:rsid w:val="00F373F9"/>
    <w:rsid w:val="00F50002"/>
    <w:rsid w:val="00F54AD7"/>
    <w:rsid w:val="00F7089C"/>
    <w:rsid w:val="00F7469B"/>
    <w:rsid w:val="00F816E1"/>
    <w:rsid w:val="00F870E9"/>
    <w:rsid w:val="00F87F6A"/>
    <w:rsid w:val="00F903D6"/>
    <w:rsid w:val="00F90B1D"/>
    <w:rsid w:val="00F90B57"/>
    <w:rsid w:val="00F97F18"/>
    <w:rsid w:val="00FA1C86"/>
    <w:rsid w:val="00FA539E"/>
    <w:rsid w:val="00FB1A3C"/>
    <w:rsid w:val="00FB56B0"/>
    <w:rsid w:val="00FC07ED"/>
    <w:rsid w:val="00FC3080"/>
    <w:rsid w:val="00FC42C6"/>
    <w:rsid w:val="00FC64F5"/>
    <w:rsid w:val="00FC6EAD"/>
    <w:rsid w:val="00FD07A5"/>
    <w:rsid w:val="00FD1479"/>
    <w:rsid w:val="00FD4393"/>
    <w:rsid w:val="00FE2E1C"/>
    <w:rsid w:val="00FF3209"/>
    <w:rsid w:val="00FF561D"/>
    <w:rsid w:val="00FF5B3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C20E6"/>
  <w15:docId w15:val="{EBA66DE0-1991-4B76-947B-9848B05AF0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AE32E2"/>
    <w:pPr>
      <w:widowControl w:val="0"/>
      <w:suppressAutoHyphens/>
    </w:pPr>
    <w:rPr>
      <w:lang w:eastAsia="ar-SA"/>
    </w:rPr>
  </w:style>
  <w:style w:type="paragraph" w:styleId="Nadpis1">
    <w:name w:val="heading 1"/>
    <w:basedOn w:val="Normln"/>
    <w:next w:val="Normln"/>
    <w:qFormat/>
    <w:rsid w:val="00AE32E2"/>
    <w:pPr>
      <w:jc w:val="center"/>
      <w:outlineLvl w:val="0"/>
    </w:pPr>
    <w:rPr>
      <w:sz w:val="24"/>
    </w:rPr>
  </w:style>
  <w:style w:type="paragraph" w:styleId="Nadpis2">
    <w:name w:val="heading 2"/>
    <w:basedOn w:val="Normln"/>
    <w:next w:val="Normln"/>
    <w:qFormat/>
    <w:rsid w:val="00AE32E2"/>
    <w:pPr>
      <w:outlineLvl w:val="1"/>
    </w:pPr>
    <w:rPr>
      <w:b/>
      <w:sz w:val="24"/>
      <w:u w:val="single"/>
    </w:rPr>
  </w:style>
  <w:style w:type="paragraph" w:styleId="Nadpis3">
    <w:name w:val="heading 3"/>
    <w:basedOn w:val="Normln"/>
    <w:next w:val="Normln"/>
    <w:qFormat/>
    <w:rsid w:val="00AE32E2"/>
    <w:pPr>
      <w:spacing w:line="360" w:lineRule="auto"/>
      <w:outlineLvl w:val="2"/>
    </w:pPr>
    <w:rPr>
      <w:b/>
      <w:sz w:val="24"/>
    </w:rPr>
  </w:style>
  <w:style w:type="paragraph" w:styleId="Nadpis4">
    <w:name w:val="heading 4"/>
    <w:basedOn w:val="Normln"/>
    <w:next w:val="Normln"/>
    <w:qFormat/>
    <w:rsid w:val="00AE32E2"/>
    <w:pPr>
      <w:outlineLvl w:val="3"/>
    </w:pPr>
    <w:rPr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customStyle="1" w:styleId="Standardnpsmoodstavce2">
    <w:name w:val="Standardní písmo odstavce2"/>
    <w:rsid w:val="00AE32E2"/>
  </w:style>
  <w:style w:type="paragraph" w:styleId="Zkladntext">
    <w:name w:val="Body Text"/>
    <w:basedOn w:val="Normln"/>
    <w:rsid w:val="00AE32E2"/>
    <w:pPr>
      <w:spacing w:after="120"/>
    </w:pPr>
  </w:style>
  <w:style w:type="paragraph" w:styleId="Seznam">
    <w:name w:val="List"/>
    <w:basedOn w:val="Zkladntext"/>
    <w:rsid w:val="00AE32E2"/>
    <w:rPr>
      <w:rFonts w:cs="Tahoma"/>
    </w:rPr>
  </w:style>
  <w:style w:type="paragraph" w:customStyle="1" w:styleId="Popisek">
    <w:name w:val="Popisek"/>
    <w:basedOn w:val="Normln"/>
    <w:rsid w:val="00AE32E2"/>
    <w:pPr>
      <w:suppressLineNumbers/>
      <w:spacing w:before="120" w:after="120"/>
    </w:pPr>
    <w:rPr>
      <w:rFonts w:cs="Tahoma"/>
      <w:i/>
      <w:iCs/>
    </w:rPr>
  </w:style>
  <w:style w:type="paragraph" w:customStyle="1" w:styleId="Rejstk">
    <w:name w:val="Rejstřík"/>
    <w:basedOn w:val="Normln"/>
    <w:rsid w:val="00AE32E2"/>
    <w:pPr>
      <w:suppressLineNumbers/>
    </w:pPr>
    <w:rPr>
      <w:rFonts w:cs="Tahoma"/>
    </w:rPr>
  </w:style>
  <w:style w:type="paragraph" w:customStyle="1" w:styleId="Nadpis">
    <w:name w:val="Nadpis"/>
    <w:basedOn w:val="Normln"/>
    <w:next w:val="Zkladntext"/>
    <w:rsid w:val="00AE32E2"/>
    <w:pPr>
      <w:keepNext/>
      <w:spacing w:before="240" w:after="120"/>
    </w:pPr>
    <w:rPr>
      <w:rFonts w:ascii="Arial" w:eastAsia="Lucida Sans Unicode" w:hAnsi="Arial" w:cs="Tahoma"/>
      <w:sz w:val="28"/>
      <w:szCs w:val="28"/>
    </w:rPr>
  </w:style>
  <w:style w:type="paragraph" w:styleId="Textbubliny">
    <w:name w:val="Balloon Text"/>
    <w:basedOn w:val="Normln"/>
    <w:rsid w:val="00AE32E2"/>
    <w:rPr>
      <w:rFonts w:ascii="Tahoma" w:hAnsi="Tahoma" w:cs="Tahoma"/>
      <w:sz w:val="16"/>
      <w:szCs w:val="16"/>
    </w:rPr>
  </w:style>
  <w:style w:type="paragraph" w:customStyle="1" w:styleId="Standardnpsmoodstavce1">
    <w:name w:val="Standardní písmo odstavce1"/>
    <w:basedOn w:val="Normln"/>
    <w:rsid w:val="00AE32E2"/>
  </w:style>
  <w:style w:type="paragraph" w:styleId="Nzev">
    <w:name w:val="Title"/>
    <w:basedOn w:val="Normln"/>
    <w:next w:val="Podnadpis"/>
    <w:qFormat/>
    <w:rsid w:val="00AE32E2"/>
    <w:pPr>
      <w:jc w:val="center"/>
    </w:pPr>
    <w:rPr>
      <w:sz w:val="36"/>
    </w:rPr>
  </w:style>
  <w:style w:type="paragraph" w:styleId="Podnadpis">
    <w:name w:val="Subtitle"/>
    <w:basedOn w:val="Nadpis"/>
    <w:next w:val="Zkladntext"/>
    <w:qFormat/>
    <w:rsid w:val="00AE32E2"/>
    <w:pPr>
      <w:jc w:val="center"/>
    </w:pPr>
    <w:rPr>
      <w:i/>
      <w:iCs/>
    </w:rPr>
  </w:style>
  <w:style w:type="character" w:styleId="Hypertextovodkaz">
    <w:name w:val="Hyperlink"/>
    <w:basedOn w:val="Standardnpsmoodstavce"/>
    <w:rsid w:val="00595A74"/>
    <w:rPr>
      <w:color w:val="0000FF"/>
      <w:u w:val="single"/>
    </w:rPr>
  </w:style>
  <w:style w:type="paragraph" w:customStyle="1" w:styleId="Standard">
    <w:name w:val="Standard"/>
    <w:rsid w:val="008B0FFC"/>
    <w:pPr>
      <w:widowControl w:val="0"/>
      <w:suppressAutoHyphens/>
      <w:autoSpaceDN w:val="0"/>
      <w:textAlignment w:val="baseline"/>
    </w:pPr>
    <w:rPr>
      <w:rFonts w:eastAsia="SimSun" w:cs="Mangal"/>
      <w:kern w:val="3"/>
      <w:sz w:val="24"/>
      <w:szCs w:val="24"/>
      <w:lang w:eastAsia="zh-CN" w:bidi="hi-IN"/>
    </w:rPr>
  </w:style>
  <w:style w:type="character" w:styleId="Siln">
    <w:name w:val="Strong"/>
    <w:basedOn w:val="Standardnpsmoodstavce"/>
    <w:uiPriority w:val="22"/>
    <w:qFormat/>
    <w:rsid w:val="00F043F6"/>
    <w:rPr>
      <w:b/>
      <w:bCs/>
    </w:rPr>
  </w:style>
  <w:style w:type="paragraph" w:styleId="Zhlav">
    <w:name w:val="header"/>
    <w:basedOn w:val="Normln"/>
    <w:link w:val="ZhlavChar"/>
    <w:rsid w:val="00E97070"/>
    <w:pPr>
      <w:tabs>
        <w:tab w:val="center" w:pos="4536"/>
        <w:tab w:val="right" w:pos="9072"/>
      </w:tabs>
    </w:pPr>
  </w:style>
  <w:style w:type="character" w:customStyle="1" w:styleId="ZhlavChar">
    <w:name w:val="Záhlaví Char"/>
    <w:basedOn w:val="Standardnpsmoodstavce"/>
    <w:link w:val="Zhlav"/>
    <w:rsid w:val="00E97070"/>
    <w:rPr>
      <w:lang w:eastAsia="ar-SA"/>
    </w:rPr>
  </w:style>
  <w:style w:type="paragraph" w:styleId="Zpat">
    <w:name w:val="footer"/>
    <w:basedOn w:val="Normln"/>
    <w:link w:val="ZpatChar"/>
    <w:rsid w:val="00E97070"/>
    <w:pPr>
      <w:tabs>
        <w:tab w:val="center" w:pos="4536"/>
        <w:tab w:val="right" w:pos="9072"/>
      </w:tabs>
    </w:pPr>
  </w:style>
  <w:style w:type="character" w:customStyle="1" w:styleId="ZpatChar">
    <w:name w:val="Zápatí Char"/>
    <w:basedOn w:val="Standardnpsmoodstavce"/>
    <w:link w:val="Zpat"/>
    <w:rsid w:val="00E97070"/>
    <w:rPr>
      <w:lang w:eastAsia="ar-SA"/>
    </w:rPr>
  </w:style>
  <w:style w:type="paragraph" w:styleId="Normlnweb">
    <w:name w:val="Normal (Web)"/>
    <w:basedOn w:val="Normln"/>
    <w:uiPriority w:val="99"/>
    <w:unhideWhenUsed/>
    <w:rsid w:val="00A214D4"/>
    <w:pPr>
      <w:widowControl/>
      <w:suppressAutoHyphens w:val="0"/>
      <w:spacing w:before="100" w:beforeAutospacing="1" w:after="100" w:afterAutospacing="1"/>
    </w:pPr>
    <w:rPr>
      <w:sz w:val="24"/>
      <w:szCs w:val="24"/>
      <w:lang w:eastAsia="cs-CZ"/>
    </w:rPr>
  </w:style>
  <w:style w:type="paragraph" w:styleId="Odstavecseseznamem">
    <w:name w:val="List Paragraph"/>
    <w:basedOn w:val="Normln"/>
    <w:uiPriority w:val="34"/>
    <w:qFormat/>
    <w:rsid w:val="00E2764D"/>
    <w:pPr>
      <w:ind w:left="720"/>
      <w:contextualSpacing/>
    </w:pPr>
  </w:style>
  <w:style w:type="table" w:styleId="Mkatabulky">
    <w:name w:val="Table Grid"/>
    <w:basedOn w:val="Normlntabulka"/>
    <w:rsid w:val="00E2764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2399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67352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33439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7589366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564020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15676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626270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161524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515347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101652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55949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19345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76993514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5855561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zsdolnislivno.cz" TargetMode="External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7349b457-8eae-4a15-8561-97f84e1c6950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281F2A743438FF429F1B7AD1C6156D76" ma:contentTypeVersion="14" ma:contentTypeDescription="Vytvoří nový dokument" ma:contentTypeScope="" ma:versionID="e216a019ebcb906dccd8d0bbf51e97e1">
  <xsd:schema xmlns:xsd="http://www.w3.org/2001/XMLSchema" xmlns:xs="http://www.w3.org/2001/XMLSchema" xmlns:p="http://schemas.microsoft.com/office/2006/metadata/properties" xmlns:ns3="7349b457-8eae-4a15-8561-97f84e1c6950" xmlns:ns4="d4d954f7-98b2-4db5-bfcb-cd750ac7af06" targetNamespace="http://schemas.microsoft.com/office/2006/metadata/properties" ma:root="true" ma:fieldsID="946e1cc840b4eb52505096c6b857b6ae" ns3:_="" ns4:_="">
    <xsd:import namespace="7349b457-8eae-4a15-8561-97f84e1c6950"/>
    <xsd:import namespace="d4d954f7-98b2-4db5-bfcb-cd750ac7af06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Location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  <xsd:element ref="ns3:_activit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349b457-8eae-4a15-8561-97f84e1c695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6" nillable="true" ma:displayName="Location" ma:internalName="MediaServiceLocation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_activity" ma:index="21" nillable="true" ma:displayName="_activity" ma:hidden="true" ma:internalName="_activity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4d954f7-98b2-4db5-bfcb-cd750ac7af06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dílí se s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dílené s podrobnostmi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5" nillable="true" ma:displayName="Hodnota hash upozornění na sdílení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B8F0ABD-727A-406B-8041-AACE2829F27E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A163DCA-3C6D-4FE4-9D02-506276CEADC5}">
  <ds:schemaRefs>
    <ds:schemaRef ds:uri="http://schemas.microsoft.com/office/2006/metadata/properties"/>
    <ds:schemaRef ds:uri="http://schemas.microsoft.com/office/infopath/2007/PartnerControls"/>
    <ds:schemaRef ds:uri="7349b457-8eae-4a15-8561-97f84e1c6950"/>
  </ds:schemaRefs>
</ds:datastoreItem>
</file>

<file path=customXml/itemProps3.xml><?xml version="1.0" encoding="utf-8"?>
<ds:datastoreItem xmlns:ds="http://schemas.openxmlformats.org/officeDocument/2006/customXml" ds:itemID="{2C761483-32DF-40EF-B950-017167263B5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349b457-8eae-4a15-8561-97f84e1c6950"/>
    <ds:schemaRef ds:uri="d4d954f7-98b2-4db5-bfcb-cd750ac7af0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BC101BE3-117D-4457-A52E-6AFE0C7C01B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</TotalTime>
  <Pages>1</Pages>
  <Words>214</Words>
  <Characters>1264</Characters>
  <Application>Microsoft Office Word</Application>
  <DocSecurity>0</DocSecurity>
  <Lines>10</Lines>
  <Paragraphs>2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Základní škola Dolní Slivno</vt:lpstr>
    </vt:vector>
  </TitlesOfParts>
  <Company>ZŠ Dolní Slivno</Company>
  <LinksUpToDate>false</LinksUpToDate>
  <CharactersWithSpaces>1476</CharactersWithSpaces>
  <SharedDoc>false</SharedDoc>
  <HLinks>
    <vt:vector size="6" baseType="variant">
      <vt:variant>
        <vt:i4>8323142</vt:i4>
      </vt:variant>
      <vt:variant>
        <vt:i4>0</vt:i4>
      </vt:variant>
      <vt:variant>
        <vt:i4>0</vt:i4>
      </vt:variant>
      <vt:variant>
        <vt:i4>5</vt:i4>
      </vt:variant>
      <vt:variant>
        <vt:lpwstr>mailto:info@zsdolnislivno.cz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Základní škola Dolní Slivno</dc:title>
  <dc:creator>.</dc:creator>
  <cp:lastModifiedBy>MŠ</cp:lastModifiedBy>
  <cp:revision>6</cp:revision>
  <cp:lastPrinted>2023-04-20T14:46:00Z</cp:lastPrinted>
  <dcterms:created xsi:type="dcterms:W3CDTF">2023-04-19T05:35:00Z</dcterms:created>
  <dcterms:modified xsi:type="dcterms:W3CDTF">2023-04-20T14:4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81F2A743438FF429F1B7AD1C6156D76</vt:lpwstr>
  </property>
</Properties>
</file>